
<file path=[Content_Types].xml><?xml version="1.0" encoding="utf-8"?>
<Types xmlns="http://schemas.openxmlformats.org/package/2006/content-types">
  <Default Extension="emf" ContentType="image/x-emf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emf"/><Relationship Id="rId1" Type="http://schemas.openxmlformats.org/officeDocument/2006/relationships/officeDocument" Target="word/document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2E4213B9" w14:textId="77777777" w:rsidR="0057211D" w:rsidRDefault="00FF0603">
      <w:r>
        <w:t xml:space="preserve">A benchmark for diffusive and advective heat transport in a 2D </w:t>
      </w:r>
      <w:r w:rsidR="00335443">
        <w:t xml:space="preserve">plane </w:t>
      </w:r>
      <w:r>
        <w:t xml:space="preserve">homogeneous </w:t>
      </w:r>
      <w:r w:rsidR="00335443">
        <w:t xml:space="preserve">incompressible </w:t>
      </w:r>
      <w:r>
        <w:t>porous media is currently being develop to assess the effect of different parameters on the evolution of the temperature profile. In this model, a line source located on the left boundary is injected a pulse of a constant amount of heat over time, and heat is transferred through the saturated porous media. A head gradient is introduced, allowing groundwater to flow at a velocity of XXX. Numerical results are validated against the corresponding analytical solution.</w:t>
      </w:r>
    </w:p>
    <w:p w14:paraId="37FB7999" w14:textId="77777777" w:rsidR="00FF0603" w:rsidRDefault="00FF0603"/>
    <w:p w14:paraId="4574B0CF" w14:textId="77777777" w:rsidR="00A03456" w:rsidRDefault="00FF0603">
      <w:r>
        <w:t>First a pulse and continuous heat injection solutions are solved n</w:t>
      </w:r>
      <w:r w:rsidR="00CF7CBC">
        <w:t>umerically for a 1D line model. For each heat source type, we evaluate the impact of the mesh size (1 and 8 mm line elements) and of the porosity (0.1 and 0.5).</w:t>
      </w:r>
      <w:r w:rsidR="00A03456">
        <w:t xml:space="preserve"> Results are then c</w:t>
      </w:r>
      <w:r w:rsidR="00CF7CBC">
        <w:t xml:space="preserve">ompared for a 2D domain composed of quadratic elements (480 elements for the 8mm mesh and 34560 elements for the 1 mm mesh). </w:t>
      </w:r>
    </w:p>
    <w:p w14:paraId="28AFC0F4" w14:textId="77777777" w:rsidR="00A03456" w:rsidRDefault="00A03456"/>
    <w:p w14:paraId="798A1C9D" w14:textId="77777777" w:rsidR="00A03456" w:rsidRDefault="002E62D5">
      <w:r>
        <w:rPr>
          <w:noProof/>
          <w:lang w:eastAsia="en-GB"/>
        </w:rPr>
        <w:drawing>
          <wp:inline distT="0" distB="0" distL="0" distR="0" wp14:anchorId="05F6BB64" wp14:editId="657FABEA">
            <wp:extent cx="4834255" cy="2438400"/>
            <wp:effectExtent l="0" t="0" r="4445" b="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34255" cy="243840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4278BA48" w14:textId="77777777" w:rsidR="002E62D5" w:rsidRDefault="002E62D5"/>
    <w:p w14:paraId="2C8F30C0" w14:textId="77777777" w:rsidR="00A03456" w:rsidRDefault="00A366D6">
      <w:r>
        <w:rPr>
          <w:noProof/>
          <w:lang w:eastAsia="en-GB"/>
        </w:rPr>
        <w:drawing>
          <wp:inline distT="0" distB="0" distL="0" distR="0" wp14:anchorId="6DF31FE0" wp14:editId="231AB57C">
            <wp:extent cx="4895215" cy="2865120"/>
            <wp:effectExtent l="0" t="0" r="63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95215" cy="286512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0C4E125D" w14:textId="77777777" w:rsidR="002E62D5" w:rsidRDefault="002E62D5">
      <w:r>
        <w:rPr>
          <w:noProof/>
          <w:lang w:eastAsia="en-GB"/>
        </w:rPr>
        <w:lastRenderedPageBreak/>
        <w:drawing>
          <wp:inline distT="0" distB="0" distL="0" distR="0" wp14:anchorId="52B1191B" wp14:editId="6F1D1073">
            <wp:extent cx="5114925" cy="2871470"/>
            <wp:effectExtent l="0" t="0" r="9525" b="508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14925" cy="287147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2A2340BE" w14:textId="77777777" w:rsidR="002E62D5" w:rsidRDefault="002E62D5"/>
    <w:p w14:paraId="25779364" w14:textId="77777777" w:rsidR="002E62D5" w:rsidRDefault="002E62D5">
      <w:r>
        <w:rPr>
          <w:noProof/>
          <w:lang w:eastAsia="en-GB"/>
        </w:rPr>
        <w:drawing>
          <wp:inline distT="0" distB="0" distL="0" distR="0" wp14:anchorId="490CFE58" wp14:editId="12864579">
            <wp:extent cx="4755515" cy="2822575"/>
            <wp:effectExtent l="0" t="0" r="6985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55515" cy="282257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775E190C" w14:textId="77777777" w:rsidR="00FF0603" w:rsidRDefault="00CF7CBC">
      <w:r>
        <w:t>The material property is defined by a density of 2500 kg/m3, a thermal expansion of 1e-5, thermal capacity of 1280 and conductivity of 2.78 W/°C.m</w:t>
      </w:r>
      <w:r w:rsidR="00A03456">
        <w:t>, and a porosity of 0.1</w:t>
      </w:r>
      <w:r>
        <w:t>. The permeability if set to 2.184e-13 and the fluid viscosity is</w:t>
      </w:r>
      <w:r w:rsidR="00A03456">
        <w:t xml:space="preserve"> 1.8e-5</w:t>
      </w:r>
      <w:r>
        <w:t>.</w:t>
      </w:r>
      <w:r w:rsidR="00A03456">
        <w:t xml:space="preserve"> The specific heat capacity of the water is set at 4068 and the heat conductivity is 0.63.</w:t>
      </w:r>
      <w:r>
        <w:t xml:space="preserve"> </w:t>
      </w:r>
      <w:r w:rsidR="00A03456">
        <w:t>In addition, the effect of a</w:t>
      </w:r>
      <w:r>
        <w:t xml:space="preserve">n isotropic dispersion factor of 0.1 is </w:t>
      </w:r>
      <w:r w:rsidR="00A03456">
        <w:t>finally assessed for both model size</w:t>
      </w:r>
      <w:r>
        <w:t>.</w:t>
      </w:r>
    </w:p>
    <w:p w14:paraId="054623B0" w14:textId="77777777" w:rsidR="009F65F0" w:rsidRDefault="00EE0DE2">
      <w:r>
        <w:t xml:space="preserve">The analytical solution used here is based on the solution described in Barends et al. (2010), </w:t>
      </w:r>
    </w:p>
    <w:p w14:paraId="46EDEBE5" w14:textId="77777777" w:rsidR="00F67B40" w:rsidRDefault="00F67B40">
      <w:r>
        <w:rPr>
          <w:noProof/>
          <w:lang w:eastAsia="en-GB"/>
        </w:rPr>
        <w:drawing>
          <wp:inline distT="0" distB="0" distL="0" distR="0" wp14:anchorId="55A046A9" wp14:editId="00C3A6C7">
            <wp:extent cx="5731510" cy="2260600"/>
            <wp:effectExtent l="0" t="0" r="2540" b="635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260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noProof/>
          <w:lang w:eastAsia="en-GB"/>
        </w:rPr>
        <w:drawing>
          <wp:inline distT="0" distB="0" distL="0" distR="0" wp14:anchorId="6CE1CA8D" wp14:editId="2D246E26">
            <wp:extent cx="5505450" cy="666750"/>
            <wp:effectExtent l="0" t="0" r="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505450" cy="666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07F7AAC" w14:textId="77777777" w:rsidR="00F67B40" w:rsidRDefault="00F67B40">
      <w:r>
        <w:t>In Eq (4), the effects of thermal convection, conduction, dispersion and bleeding are described, from the injection of water at a temperature of 30°C in a reservoir of initial temperature T0 = 80°C. The curves represent the temperature of the saturated medium while heat is instantaneously distributed over the porous fluid and solid matrix.</w:t>
      </w:r>
    </w:p>
    <w:p w14:paraId="2591E118" w14:textId="77777777" w:rsidR="00F67B40" w:rsidRDefault="00FC5E57">
      <w:r>
        <w:t>Result from their analysis showed that despite the effected zone in the overburden is rather limited, thermal bleeding (i.e. heat conduction in the overburden) has a large effect on the temperature pattern in a reservoir. In a plane symmetry, the true water velocity is rho c / n (rho c)f is 2 times higher than the heat front velocity. Evaluating the rel</w:t>
      </w:r>
      <w:r w:rsidR="00E15355">
        <w:t>a</w:t>
      </w:r>
      <w:r>
        <w:t xml:space="preserve">tive contribution of different processes requires the use of normalized parameters. </w:t>
      </w:r>
      <w:r w:rsidR="00E15355">
        <w:t xml:space="preserve">The Peclet number can for example be used to study the relative contribution of conduction or convection for heat transport in a reservoir, using a </w:t>
      </w:r>
      <w:r>
        <w:t xml:space="preserve">characteristic length </w:t>
      </w:r>
      <w:r w:rsidR="00E15355">
        <w:t>Lc for conduction-dispersion phenomenon, and L = vt the length effect of convection, as: (L/Lc)² = L²/(4tD) = L²/(4(L/v)D=Lv/4D=0.25Pe. A thermal bleeding numer Bl has also been developed to study thermal bleeding in the overburden relative to convection. Thermal bleeding halfway is also described by T-T0=(T1-T0)erfc(z/sqrt(tD’)), with D’ the diffusion coefficient in the overburden, resulting in a average heat flux at the interface q=2/sqrt(pi)*(</w:t>
      </w:r>
      <w:r w:rsidR="00E15355">
        <w:rPr>
          <w:rFonts w:cstheme="minorHAnsi"/>
        </w:rPr>
        <w:t>λ</w:t>
      </w:r>
      <w:r w:rsidR="00E15355">
        <w:t>’/sqrt(tD’)). Using those parameter, an equation for a specific Darcy velocity q has been developed, with L the location of a production well, t)L/v, m=e</w:t>
      </w:r>
      <w:r w:rsidR="00E15355" w:rsidRPr="00E15355">
        <w:rPr>
          <w:vertAlign w:val="superscript"/>
        </w:rPr>
        <w:t xml:space="preserve">-Bl </w:t>
      </w:r>
      <w:r w:rsidR="00E15355">
        <w:t>the relative temperature change:</w:t>
      </w:r>
    </w:p>
    <w:p w14:paraId="68750991" w14:textId="77777777" w:rsidR="00E15355" w:rsidRDefault="00E15355">
      <w:r>
        <w:rPr>
          <w:noProof/>
          <w:lang w:eastAsia="en-GB"/>
        </w:rPr>
        <w:drawing>
          <wp:inline distT="0" distB="0" distL="0" distR="0" wp14:anchorId="69A26E9C" wp14:editId="177A4977">
            <wp:extent cx="1819275" cy="561975"/>
            <wp:effectExtent l="0" t="0" r="9525" b="9525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1819275" cy="5619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FCF430" w14:textId="77777777" w:rsidR="00E15355" w:rsidRDefault="00E15355">
      <w:r>
        <w:t>Similar solutions have been developed for axi-symmetric</w:t>
      </w:r>
      <w:r w:rsidR="005871E3">
        <w:t xml:space="preserve"> heat transport in stationary flow and radial solutions. </w:t>
      </w:r>
    </w:p>
    <w:p w14:paraId="3F30C096" w14:textId="77777777" w:rsidR="005871E3" w:rsidRDefault="005871E3">
      <w:r>
        <w:rPr>
          <w:noProof/>
          <w:lang w:eastAsia="en-GB"/>
        </w:rPr>
        <w:drawing>
          <wp:inline distT="0" distB="0" distL="0" distR="0" wp14:anchorId="49611832" wp14:editId="2CEA1852">
            <wp:extent cx="5731510" cy="1350010"/>
            <wp:effectExtent l="0" t="0" r="2540" b="254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350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C590ABD" w14:textId="77777777" w:rsidR="00C64484" w:rsidRDefault="00C64484">
      <w:pPr>
        <w:rPr>
          <w:rFonts w:cstheme="minorHAnsi"/>
        </w:rPr>
      </w:pPr>
      <w:r>
        <w:t>The time t0 required for the temperature at the boundary reach T1 under injection of heat before the heat front actually start has been defined as t0 = rw² / (4D (</w:t>
      </w:r>
      <w:r w:rsidR="00565073">
        <w:rPr>
          <w:rFonts w:cstheme="minorHAnsi"/>
        </w:rPr>
        <w:t xml:space="preserve">α+1) * F(α) </w:t>
      </w:r>
    </w:p>
    <w:p w14:paraId="0EFDE31C" w14:textId="7B092364" w:rsidR="00565073" w:rsidRDefault="00565073">
      <w:pPr>
        <w:rPr>
          <w:noProof/>
          <w:lang w:eastAsia="en-GB"/>
        </w:rPr>
      </w:pPr>
    </w:p>
    <w:p w14:paraId="289FA1D9" w14:textId="2292774C" w:rsidR="009F65F0" w:rsidRDefault="009F65F0">
      <w:pPr>
        <w:rPr>
          <w:noProof/>
          <w:lang w:eastAsia="en-GB"/>
        </w:rPr>
      </w:pPr>
    </w:p>
    <w:p w14:paraId="67F75DD9" w14:textId="17D8335D" w:rsidR="009F65F0" w:rsidRDefault="009F65F0">
      <w:pPr>
        <w:rPr>
          <w:noProof/>
          <w:lang w:eastAsia="en-GB"/>
        </w:rPr>
      </w:pPr>
    </w:p>
    <w:p w14:paraId="5C372EFB" w14:textId="77777777" w:rsidR="009F65F0" w:rsidRDefault="009F65F0"/>
    <w:p w14:paraId="162A3B9D" w14:textId="77777777" w:rsidR="00001301" w:rsidRPr="00001301" w:rsidRDefault="00001301" w:rsidP="00001301">
      <w:r w:rsidRPr="00001301">
        <w:t>LM2 : layer above / below with t = 0.01</w:t>
      </w:r>
    </w:p>
    <w:p w14:paraId="6D3DB8F2" w14:textId="77777777" w:rsidR="00001301" w:rsidRPr="00001301" w:rsidRDefault="00001301" w:rsidP="00001301">
      <w:r>
        <w:t xml:space="preserve">M0 = </w:t>
      </w:r>
      <w:r w:rsidRPr="00001301">
        <w:t>Ref : k=2e-13 and K=2.78 zith GZ floz 2e-4</w:t>
      </w:r>
    </w:p>
    <w:p w14:paraId="73ECFD9E" w14:textId="77777777" w:rsidR="00001301" w:rsidRPr="00001301" w:rsidRDefault="00001301" w:rsidP="00001301">
      <w:r w:rsidRPr="00001301">
        <w:t>M1 : lower k-layer above/below but same Kth as reservoir</w:t>
      </w:r>
    </w:p>
    <w:p w14:paraId="65CA9134" w14:textId="77777777" w:rsidR="00001301" w:rsidRPr="00001301" w:rsidRDefault="00001301" w:rsidP="00001301">
      <w:r w:rsidRPr="00001301">
        <w:t>M2 : lower k and low Kth in layer above/below</w:t>
      </w:r>
    </w:p>
    <w:p w14:paraId="27316D01" w14:textId="77777777" w:rsidR="00001301" w:rsidRPr="00001301" w:rsidRDefault="00001301" w:rsidP="00001301">
      <w:r w:rsidRPr="00001301">
        <w:t>M3 : same as ref but lower Kth (0.41)</w:t>
      </w:r>
    </w:p>
    <w:p w14:paraId="2E2F9588" w14:textId="77777777" w:rsidR="00001301" w:rsidRPr="00001301" w:rsidRDefault="00001301" w:rsidP="00001301">
      <w:r w:rsidRPr="00001301">
        <w:rPr>
          <w:noProof/>
          <w:lang w:eastAsia="en-GB"/>
        </w:rPr>
        <w:drawing>
          <wp:inline distT="0" distB="0" distL="0" distR="0" wp14:anchorId="17E145FF" wp14:editId="3846F4BF">
            <wp:extent cx="5731510" cy="6068082"/>
            <wp:effectExtent l="0" t="0" r="2540" b="8890"/>
            <wp:docPr id="24" name="Picture 24" descr="C:\Users\s1995204\Documents_LOCAL\Modeling\2D_Mine_Models\Benchmark\TH\Layers\M0_M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1995204\Documents_LOCAL\Modeling\2D_Mine_Models\Benchmark\TH\Layers\M0_M3.pn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0680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8857E6" w14:textId="77777777" w:rsidR="00001301" w:rsidRPr="00001301" w:rsidRDefault="00001301" w:rsidP="00001301">
      <w:r w:rsidRPr="00001301">
        <w:t>M4 : lower permeability (2e-20)</w:t>
      </w:r>
    </w:p>
    <w:p w14:paraId="73A0F60E" w14:textId="77777777" w:rsidR="00001301" w:rsidRPr="00001301" w:rsidRDefault="00001301" w:rsidP="00001301">
      <w:r w:rsidRPr="00001301">
        <w:t>M5 : higher porosity (0.5)</w:t>
      </w:r>
    </w:p>
    <w:p w14:paraId="010C7FAF" w14:textId="77777777" w:rsidR="00001301" w:rsidRDefault="00001301" w:rsidP="00001301">
      <w:r w:rsidRPr="00001301">
        <w:t>M6 : no gradient (pure conduction)</w:t>
      </w:r>
    </w:p>
    <w:p w14:paraId="578B1525" w14:textId="77777777" w:rsidR="00001301" w:rsidRDefault="00001301" w:rsidP="00001301"/>
    <w:p w14:paraId="0DB70B9B" w14:textId="77777777" w:rsidR="00001301" w:rsidRPr="00001301" w:rsidRDefault="00001301" w:rsidP="00001301">
      <w:r w:rsidRPr="00001301">
        <w:rPr>
          <w:noProof/>
          <w:lang w:eastAsia="en-GB"/>
        </w:rPr>
        <w:drawing>
          <wp:inline distT="0" distB="0" distL="0" distR="0" wp14:anchorId="15280434" wp14:editId="3B35F6F0">
            <wp:extent cx="5731510" cy="4889245"/>
            <wp:effectExtent l="0" t="0" r="2540" b="6985"/>
            <wp:docPr id="25" name="Picture 25" descr="C:\Users\s1995204\Documents_LOCAL\Modeling\2D_Mine_Models\Benchmark\TH\Layers\M4_M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s1995204\Documents_LOCAL\Modeling\2D_Mine_Models\Benchmark\TH\Layers\M4_M6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8892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244EC1C" w14:textId="77777777" w:rsidR="00001301" w:rsidRPr="00001301" w:rsidRDefault="00001301" w:rsidP="00001301"/>
    <w:p w14:paraId="6922CDDA" w14:textId="77777777" w:rsidR="00001301" w:rsidRPr="00001301" w:rsidRDefault="00001301" w:rsidP="00001301">
      <w:r w:rsidRPr="00001301">
        <w:t>LM3 : layer above / below with t = 0.02</w:t>
      </w:r>
    </w:p>
    <w:p w14:paraId="774022AC" w14:textId="77777777" w:rsidR="00001301" w:rsidRPr="00001301" w:rsidRDefault="00001301" w:rsidP="00001301">
      <w:r w:rsidRPr="00001301">
        <w:t>same as M2</w:t>
      </w:r>
    </w:p>
    <w:p w14:paraId="727F11B3" w14:textId="77777777" w:rsidR="00001301" w:rsidRPr="00001301" w:rsidRDefault="00001301" w:rsidP="00001301">
      <w:r w:rsidRPr="00001301">
        <w:t xml:space="preserve"> - for structured mesh</w:t>
      </w:r>
    </w:p>
    <w:p w14:paraId="0FD6EB8D" w14:textId="77777777" w:rsidR="00001301" w:rsidRPr="00001301" w:rsidRDefault="00001301" w:rsidP="00001301">
      <w:r w:rsidRPr="00001301">
        <w:t xml:space="preserve"> - for unstructured mesh</w:t>
      </w:r>
    </w:p>
    <w:p w14:paraId="43174CE0" w14:textId="77777777" w:rsidR="00001301" w:rsidRPr="00001301" w:rsidRDefault="008A297D" w:rsidP="00001301">
      <w:r w:rsidRPr="008A297D">
        <w:rPr>
          <w:noProof/>
          <w:lang w:eastAsia="en-GB"/>
        </w:rPr>
        <w:drawing>
          <wp:inline distT="0" distB="0" distL="0" distR="0" wp14:anchorId="204F29EF" wp14:editId="18087A03">
            <wp:extent cx="5731510" cy="4685672"/>
            <wp:effectExtent l="0" t="0" r="2540" b="635"/>
            <wp:docPr id="26" name="Picture 26" descr="C:\Users\s1995204\Documents_LOCAL\Modeling\2D_Mine_Models\Benchmark\TH\Layers\M2_LM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s1995204\Documents_LOCAL\Modeling\2D_Mine_Models\Benchmark\TH\Layers\M2_LM3.pn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68567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FED003E" w14:textId="77777777" w:rsidR="00001301" w:rsidRDefault="00001301" w:rsidP="00001301">
      <w:r w:rsidRPr="00001301">
        <w:t>LM4 : Model complex and sandwich</w:t>
      </w:r>
    </w:p>
    <w:p w14:paraId="722F46AD" w14:textId="77777777" w:rsidR="004E5D6E" w:rsidRDefault="004E5D6E" w:rsidP="00001301"/>
    <w:p w14:paraId="1AB75A4E" w14:textId="77777777" w:rsidR="004E5D6E" w:rsidRDefault="004E5D6E" w:rsidP="00001301">
      <w:r w:rsidRPr="004E5D6E">
        <w:rPr>
          <w:noProof/>
          <w:lang w:eastAsia="en-GB"/>
        </w:rPr>
        <w:drawing>
          <wp:inline distT="0" distB="0" distL="0" distR="0" wp14:anchorId="183D83CF" wp14:editId="0AF650F4">
            <wp:extent cx="5731510" cy="2882463"/>
            <wp:effectExtent l="0" t="0" r="2540" b="0"/>
            <wp:docPr id="36" name="Picture 36" descr="C:\Users\s1995204\Documents_LOCAL\Modeling\2D_Mine_Models\Benchmark\TH\Layers\Sandwich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C:\Users\s1995204\Documents_LOCAL\Modeling\2D_Mine_Models\Benchmark\TH\Layers\Sandwich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88246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71014C4" w14:textId="77777777" w:rsidR="004E5D6E" w:rsidRDefault="004E5D6E" w:rsidP="00001301">
      <w:r w:rsidRPr="004E5D6E">
        <w:rPr>
          <w:noProof/>
          <w:lang w:eastAsia="en-GB"/>
        </w:rPr>
        <w:drawing>
          <wp:inline distT="0" distB="0" distL="0" distR="0" wp14:anchorId="268C4F53" wp14:editId="6FCBDCD8">
            <wp:extent cx="4995545" cy="1651000"/>
            <wp:effectExtent l="0" t="0" r="0" b="6350"/>
            <wp:docPr id="32" name="Picture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95545" cy="1651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EF9600C" w14:textId="77777777" w:rsidR="004E5D6E" w:rsidRDefault="004E5D6E" w:rsidP="00001301">
      <w:r>
        <w:t>k=Kµ/rho g</w:t>
      </w:r>
    </w:p>
    <w:p w14:paraId="0FE672B8" w14:textId="77777777" w:rsidR="004E5D6E" w:rsidRDefault="004E5D6E" w:rsidP="00001301">
      <w:r w:rsidRPr="004E5D6E">
        <w:rPr>
          <w:noProof/>
          <w:lang w:eastAsia="en-GB"/>
        </w:rPr>
        <w:drawing>
          <wp:inline distT="0" distB="0" distL="0" distR="0" wp14:anchorId="7AE4456C" wp14:editId="22484349">
            <wp:extent cx="2734945" cy="1473200"/>
            <wp:effectExtent l="0" t="0" r="8255" b="0"/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34945" cy="1473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4E5D6E">
        <w:rPr>
          <w:noProof/>
          <w:lang w:eastAsia="en-GB"/>
        </w:rPr>
        <w:drawing>
          <wp:inline distT="0" distB="0" distL="0" distR="0" wp14:anchorId="494A1585" wp14:editId="3A286C87">
            <wp:extent cx="2226733" cy="1474465"/>
            <wp:effectExtent l="0" t="0" r="2540" b="0"/>
            <wp:docPr id="34" name="Picture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55339" cy="14934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6CBC5D4" w14:textId="77777777" w:rsidR="004E5D6E" w:rsidRPr="00001301" w:rsidRDefault="004E5D6E" w:rsidP="00001301"/>
    <w:p w14:paraId="22710659" w14:textId="77777777" w:rsidR="00001301" w:rsidRDefault="00001301" w:rsidP="00001301">
      <w:r w:rsidRPr="00001301">
        <w:t xml:space="preserve"> - v1: material properties based on M2</w:t>
      </w:r>
    </w:p>
    <w:p w14:paraId="650D3DE0" w14:textId="77777777" w:rsidR="00BE5D8C" w:rsidRPr="00001301" w:rsidRDefault="00BE5D8C" w:rsidP="00001301">
      <w:r w:rsidRPr="00BE5D8C">
        <w:rPr>
          <w:noProof/>
          <w:lang w:eastAsia="en-GB"/>
        </w:rPr>
        <w:drawing>
          <wp:inline distT="0" distB="0" distL="0" distR="0" wp14:anchorId="3BD84F62" wp14:editId="746A425B">
            <wp:extent cx="5731510" cy="3537331"/>
            <wp:effectExtent l="0" t="0" r="2540" b="6350"/>
            <wp:docPr id="38" name="Picture 38" descr="C:\Users\s1995204\Documents_LOCAL\Modeling\2D_Mine_Models\Benchmark\TH\Layers\LM4\LM4_V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C:\Users\s1995204\Documents_LOCAL\Modeling\2D_Mine_Models\Benchmark\TH\Layers\LM4\LM4_V1.png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53733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80BA765" w14:textId="77777777" w:rsidR="00435D79" w:rsidRDefault="00001301" w:rsidP="00001301">
      <w:pPr>
        <w:rPr>
          <w:lang w:val="fr-FR"/>
        </w:rPr>
      </w:pPr>
      <w:r w:rsidRPr="00001301">
        <w:t xml:space="preserve"> </w:t>
      </w:r>
      <w:r w:rsidRPr="00001301">
        <w:rPr>
          <w:lang w:val="fr-FR"/>
        </w:rPr>
        <w:t>- v2: more realistic material properties</w:t>
      </w:r>
    </w:p>
    <w:p w14:paraId="0221B28D" w14:textId="77777777" w:rsidR="004E5D6E" w:rsidRDefault="004E5D6E" w:rsidP="00001301">
      <w:pPr>
        <w:rPr>
          <w:lang w:val="fr-FR"/>
        </w:rPr>
      </w:pPr>
      <w:r w:rsidRPr="004E5D6E">
        <w:rPr>
          <w:noProof/>
          <w:lang w:eastAsia="en-GB"/>
        </w:rPr>
        <w:drawing>
          <wp:inline distT="0" distB="0" distL="0" distR="0" wp14:anchorId="2B80A282" wp14:editId="00E71C0A">
            <wp:extent cx="5731510" cy="1442040"/>
            <wp:effectExtent l="0" t="0" r="2540" b="6350"/>
            <wp:docPr id="35" name="Picture 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14420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1CB6B11" w14:textId="77777777" w:rsidR="004E5D6E" w:rsidRDefault="004E5D6E" w:rsidP="00001301">
      <w:pPr>
        <w:rPr>
          <w:lang w:val="fr-FR"/>
        </w:rPr>
      </w:pPr>
    </w:p>
    <w:p w14:paraId="53D74C96" w14:textId="77777777" w:rsidR="008A297D" w:rsidRDefault="008A297D" w:rsidP="00001301">
      <w:pPr>
        <w:rPr>
          <w:lang w:val="fr-FR"/>
        </w:rPr>
      </w:pPr>
      <w:r w:rsidRPr="008A297D">
        <w:rPr>
          <w:noProof/>
          <w:lang w:eastAsia="en-GB"/>
        </w:rPr>
        <w:drawing>
          <wp:inline distT="0" distB="0" distL="0" distR="0" wp14:anchorId="3D2B51B2" wp14:editId="41E9FDFF">
            <wp:extent cx="5731510" cy="1145785"/>
            <wp:effectExtent l="0" t="0" r="2540" b="0"/>
            <wp:docPr id="29" name="Picture 29" descr="C:\Users\s1995204\Documents_LOCAL\Modeling\2D_Mine_Models\Benchmark\TH\Layers\LM4\V2\COMPLEX_v2\T2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C:\Users\s1995204\Documents_LOCAL\Modeling\2D_Mine_Models\Benchmark\TH\Layers\LM4\V2\COMPLEX_v2\T2D.png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1145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8A297D">
        <w:rPr>
          <w:noProof/>
          <w:lang w:eastAsia="en-GB"/>
        </w:rPr>
        <w:drawing>
          <wp:inline distT="0" distB="0" distL="0" distR="0" wp14:anchorId="48C1E6E5" wp14:editId="51C3AF10">
            <wp:extent cx="5731510" cy="2291570"/>
            <wp:effectExtent l="0" t="0" r="2540" b="0"/>
            <wp:docPr id="30" name="Picture 30" descr="C:\Users\s1995204\Documents_LOCAL\Modeling\2D_Mine_Models\Benchmark\TH\Layers\LM4\V2\COMPLEX_v2\Tprofil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s1995204\Documents_LOCAL\Modeling\2D_Mine_Models\Benchmark\TH\Layers\LM4\V2\COMPLEX_v2\Tprofiles.png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2915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5A1E612" w14:textId="77777777" w:rsidR="008A297D" w:rsidRDefault="008A297D" w:rsidP="00001301">
      <w:pPr>
        <w:rPr>
          <w:lang w:val="fr-FR"/>
        </w:rPr>
      </w:pPr>
    </w:p>
    <w:p w14:paraId="2F03F045" w14:textId="77777777" w:rsidR="008A297D" w:rsidRDefault="008A297D" w:rsidP="00001301">
      <w:pPr>
        <w:rPr>
          <w:lang w:val="fr-FR"/>
        </w:rPr>
      </w:pPr>
      <w:r w:rsidRPr="008A297D">
        <w:rPr>
          <w:noProof/>
          <w:lang w:eastAsia="en-GB"/>
        </w:rPr>
        <w:drawing>
          <wp:inline distT="0" distB="0" distL="0" distR="0" wp14:anchorId="5B1FEAC7" wp14:editId="727EB8B2">
            <wp:extent cx="5731510" cy="2291570"/>
            <wp:effectExtent l="0" t="0" r="2540" b="0"/>
            <wp:docPr id="28" name="Picture 28" descr="C:\Users\s1995204\Documents_LOCAL\Modeling\2D_Mine_Models\Benchmark\TH\Layers\LM4\V2\SANDWICH_v2\Tprofil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s1995204\Documents_LOCAL\Modeling\2D_Mine_Models\Benchmark\TH\Layers\LM4\V2\SANDWICH_v2\Tprofiles.png"/>
                    <pic:cNvPicPr>
                      <a:picLocks noChangeAspect="1" noChangeArrowheads="1"/>
                    </pic:cNvPicPr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2915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5255597" w14:textId="77777777" w:rsidR="00EA0424" w:rsidRDefault="00EA0424" w:rsidP="00001301">
      <w:pPr>
        <w:rPr>
          <w:lang w:val="fr-FR"/>
        </w:rPr>
      </w:pPr>
    </w:p>
    <w:p w14:paraId="4451697B" w14:textId="77777777" w:rsidR="00EA0424" w:rsidRDefault="00EA0424" w:rsidP="00001301">
      <w:pPr>
        <w:rPr>
          <w:lang w:val="fr-FR"/>
        </w:rPr>
      </w:pPr>
      <w:r w:rsidRPr="00EA0424">
        <w:rPr>
          <w:noProof/>
          <w:lang w:eastAsia="en-GB"/>
        </w:rPr>
        <w:drawing>
          <wp:inline distT="0" distB="0" distL="0" distR="0" wp14:anchorId="02806DCB" wp14:editId="1400B23B">
            <wp:extent cx="5731510" cy="3809056"/>
            <wp:effectExtent l="0" t="0" r="2540" b="1270"/>
            <wp:docPr id="31" name="Picture 31" descr="C:\Users\s1995204\Documents_LOCAL\Modeling\2D_Mine_Models\Benchmark\TH\Layers\LM4_V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C:\Users\s1995204\Documents_LOCAL\Modeling\2D_Mine_Models\Benchmark\TH\Layers\LM4_V2.png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0905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48758B" w14:textId="77777777" w:rsidR="008A297D" w:rsidRDefault="008A297D" w:rsidP="00001301">
      <w:pPr>
        <w:rPr>
          <w:lang w:val="fr-FR"/>
        </w:rPr>
      </w:pPr>
      <w:r w:rsidRPr="008A297D">
        <w:rPr>
          <w:noProof/>
          <w:lang w:eastAsia="en-GB"/>
        </w:rPr>
        <w:drawing>
          <wp:inline distT="0" distB="0" distL="0" distR="0" wp14:anchorId="79C23EB9" wp14:editId="2BED4661">
            <wp:extent cx="5731510" cy="4298633"/>
            <wp:effectExtent l="0" t="0" r="2540" b="6985"/>
            <wp:docPr id="27" name="Picture 27" descr="C:\Users\s1995204\Documents_LOCAL\Modeling\2D_Mine_Models\Benchmark\TH\Layers\LM4\V2\TchangeVSTim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s1995204\Documents_LOCAL\Modeling\2D_Mine_Models\Benchmark\TH\Layers\LM4\V2\TchangeVSTime.png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2986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0D21184" w14:textId="77777777" w:rsidR="00DA5B86" w:rsidRPr="00001301" w:rsidRDefault="00DA5B86" w:rsidP="00001301">
      <w:pPr>
        <w:rPr>
          <w:lang w:val="fr-FR"/>
        </w:rPr>
      </w:pPr>
      <w:r>
        <w:rPr>
          <w:noProof/>
          <w:lang w:eastAsia="en-GB"/>
        </w:rPr>
        <w:drawing>
          <wp:inline distT="0" distB="0" distL="0" distR="0" wp14:anchorId="48B1C4CA" wp14:editId="66D75325">
            <wp:extent cx="4578350" cy="2573020"/>
            <wp:effectExtent l="0" t="0" r="0" b="0"/>
            <wp:docPr id="37" name="Picture 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8350" cy="257302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sectPr w:rsidR="00DA5B86" w:rsidRPr="00001301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defaultTabStop w:val="720"/>
  <w:characterSpacingControl w:val="doNotCompress"/>
  <w:savePreviewPicture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F0603"/>
    <w:rsid w:val="00001301"/>
    <w:rsid w:val="001D65A4"/>
    <w:rsid w:val="002220AE"/>
    <w:rsid w:val="002E62D5"/>
    <w:rsid w:val="00335443"/>
    <w:rsid w:val="00380A76"/>
    <w:rsid w:val="00392172"/>
    <w:rsid w:val="003E7B06"/>
    <w:rsid w:val="00435D79"/>
    <w:rsid w:val="004E5D6E"/>
    <w:rsid w:val="00565073"/>
    <w:rsid w:val="005802C4"/>
    <w:rsid w:val="005871E3"/>
    <w:rsid w:val="00693718"/>
    <w:rsid w:val="008A297D"/>
    <w:rsid w:val="008B255C"/>
    <w:rsid w:val="008E1ED2"/>
    <w:rsid w:val="009F65F0"/>
    <w:rsid w:val="00A03456"/>
    <w:rsid w:val="00A366D6"/>
    <w:rsid w:val="00A9586B"/>
    <w:rsid w:val="00B10A1B"/>
    <w:rsid w:val="00BE5D8C"/>
    <w:rsid w:val="00C64484"/>
    <w:rsid w:val="00CF7CBC"/>
    <w:rsid w:val="00D86723"/>
    <w:rsid w:val="00DA5B86"/>
    <w:rsid w:val="00E15355"/>
    <w:rsid w:val="00EA0424"/>
    <w:rsid w:val="00EE0DE2"/>
    <w:rsid w:val="00F67B40"/>
    <w:rsid w:val="00F75352"/>
    <w:rsid w:val="00FC417C"/>
    <w:rsid w:val="00FC5E57"/>
    <w:rsid w:val="00FF06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53968FBC"/>
  <w15:chartTrackingRefBased/>
  <w15:docId w15:val="{664395DE-0D95-48D5-8F51-6388B6D42AB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675702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png"/><Relationship Id="rId13" Type="http://schemas.openxmlformats.org/officeDocument/2006/relationships/image" Target="media/image10.png"/><Relationship Id="rId18" Type="http://schemas.openxmlformats.org/officeDocument/2006/relationships/image" Target="media/image15.emf"/><Relationship Id="rId26" Type="http://schemas.openxmlformats.org/officeDocument/2006/relationships/image" Target="media/image23.png"/><Relationship Id="rId3" Type="http://schemas.openxmlformats.org/officeDocument/2006/relationships/webSettings" Target="webSettings.xml"/><Relationship Id="rId21" Type="http://schemas.openxmlformats.org/officeDocument/2006/relationships/image" Target="media/image18.png"/><Relationship Id="rId7" Type="http://schemas.openxmlformats.org/officeDocument/2006/relationships/image" Target="media/image4.png"/><Relationship Id="rId12" Type="http://schemas.openxmlformats.org/officeDocument/2006/relationships/image" Target="media/image9.png"/><Relationship Id="rId17" Type="http://schemas.openxmlformats.org/officeDocument/2006/relationships/image" Target="media/image14.emf"/><Relationship Id="rId25" Type="http://schemas.openxmlformats.org/officeDocument/2006/relationships/image" Target="media/image22.png"/><Relationship Id="rId2" Type="http://schemas.openxmlformats.org/officeDocument/2006/relationships/settings" Target="settings.xml"/><Relationship Id="rId16" Type="http://schemas.openxmlformats.org/officeDocument/2006/relationships/image" Target="media/image13.emf"/><Relationship Id="rId20" Type="http://schemas.openxmlformats.org/officeDocument/2006/relationships/image" Target="media/image17.emf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11" Type="http://schemas.openxmlformats.org/officeDocument/2006/relationships/image" Target="media/image8.png"/><Relationship Id="rId24" Type="http://schemas.openxmlformats.org/officeDocument/2006/relationships/image" Target="media/image21.png"/><Relationship Id="rId5" Type="http://schemas.openxmlformats.org/officeDocument/2006/relationships/image" Target="media/image2.png"/><Relationship Id="rId15" Type="http://schemas.openxmlformats.org/officeDocument/2006/relationships/image" Target="media/image12.png"/><Relationship Id="rId23" Type="http://schemas.openxmlformats.org/officeDocument/2006/relationships/image" Target="media/image20.png"/><Relationship Id="rId28" Type="http://schemas.openxmlformats.org/officeDocument/2006/relationships/theme" Target="theme/theme1.xml"/><Relationship Id="rId10" Type="http://schemas.openxmlformats.org/officeDocument/2006/relationships/image" Target="media/image7.png"/><Relationship Id="rId19" Type="http://schemas.openxmlformats.org/officeDocument/2006/relationships/image" Target="media/image16.png"/><Relationship Id="rId4" Type="http://schemas.openxmlformats.org/officeDocument/2006/relationships/image" Target="media/image1.png"/><Relationship Id="rId9" Type="http://schemas.openxmlformats.org/officeDocument/2006/relationships/image" Target="media/image6.png"/><Relationship Id="rId14" Type="http://schemas.openxmlformats.org/officeDocument/2006/relationships/image" Target="media/image11.png"/><Relationship Id="rId22" Type="http://schemas.openxmlformats.org/officeDocument/2006/relationships/image" Target="media/image19.png"/><Relationship Id="rId27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398</TotalTime>
  <Pages>11</Pages>
  <Words>590</Words>
  <Characters>3368</Characters>
  <Application>Microsoft Office Word</Application>
  <DocSecurity>0</DocSecurity>
  <Lines>28</Lines>
  <Paragraphs>7</Paragraphs>
  <ScaleCrop>false</ScaleCrop>
  <HeadingPairs>
    <vt:vector size="4" baseType="variant">
      <vt:variant>
        <vt:lpstr>Titre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University of Edinburgh</Company>
  <LinksUpToDate>false</LinksUpToDate>
  <CharactersWithSpaces>39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CEVEUR Mylène</dc:creator>
  <cp:keywords/>
  <dc:description/>
  <cp:lastModifiedBy>Mylène RECEVEUR</cp:lastModifiedBy>
  <cp:revision>15</cp:revision>
  <dcterms:created xsi:type="dcterms:W3CDTF">2020-05-06T05:47:00Z</dcterms:created>
  <dcterms:modified xsi:type="dcterms:W3CDTF">2020-05-07T08:28:00Z</dcterms:modified>
</cp:coreProperties>
</file>